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bookmarkStart w:id="0" w:name="_GoBack"/>
    <w:bookmarkEnd w:id="0"/>
    <w:p w14:paraId="181EEABC" w14:textId="1F4CC8A3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begin"/>
      </w:r>
      <w:r w:rsidR="005179AE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instrText xml:space="preserve"> INCLUDEPICTURE "C:\\var\\folders\\s1\\nnrskdmd1_x04zddfrdc9lxm0000gn\\T\\com.microsoft.Word\\WebArchiveCopyPasteTempFiles\\cidimage001.jpg@01D5E9C9.BBB02840" \* MERGEFORMAT </w:instrText>
      </w: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separate"/>
      </w:r>
      <w:r w:rsidRPr="007A71F3">
        <w:rPr>
          <w:rFonts w:ascii="Calibri" w:eastAsia="Times New Roman" w:hAnsi="Calibri" w:cs="Calibri"/>
          <w:noProof/>
          <w:color w:val="000000"/>
          <w:sz w:val="22"/>
          <w:szCs w:val="22"/>
          <w:lang w:eastAsia="sv-SE"/>
        </w:rPr>
        <w:drawing>
          <wp:inline distT="0" distB="0" distL="0" distR="0" wp14:anchorId="2C2448F5" wp14:editId="070FBBB2">
            <wp:extent cx="5756910" cy="2232660"/>
            <wp:effectExtent l="0" t="0" r="0" b="2540"/>
            <wp:docPr id="1" name="Bildobjekt 1" descr="/var/folders/s1/nnrskdmd1_x04zddfrdc9lxm0000gn/T/com.microsoft.Outlook/WebArchiveCopyPasteTempFiles/klubbsho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Bildobjekt 3" descr="/var/folders/s1/nnrskdmd1_x04zddfrdc9lxm0000gn/T/com.microsoft.Outlook/WebArchiveCopyPasteTempFiles/klubbshop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6910" cy="2232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end"/>
      </w:r>
    </w:p>
    <w:p w14:paraId="751FF686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8"/>
          <w:szCs w:val="28"/>
          <w:lang w:eastAsia="sv-SE"/>
        </w:rPr>
        <w:t> </w:t>
      </w:r>
    </w:p>
    <w:p w14:paraId="5A86290A" w14:textId="77777777" w:rsidR="00A41F01" w:rsidRDefault="007A71F3" w:rsidP="00A41F01">
      <w:pPr>
        <w:spacing w:after="240"/>
        <w:jc w:val="center"/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000000"/>
          <w:sz w:val="28"/>
          <w:szCs w:val="28"/>
          <w:lang w:eastAsia="sv-SE"/>
        </w:rPr>
        <w:t>PREMIÄR!</w:t>
      </w:r>
      <w:r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t> </w:t>
      </w:r>
      <w:r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br/>
        <w:t xml:space="preserve">Vi är stolta att kunna presentera vår nya klubbshop i samarbete med </w:t>
      </w:r>
    </w:p>
    <w:p w14:paraId="664176C7" w14:textId="0EBBED2A" w:rsidR="007A71F3" w:rsidRPr="007A71F3" w:rsidRDefault="005A6C73" w:rsidP="00A41F01">
      <w:pPr>
        <w:spacing w:after="240"/>
        <w:jc w:val="center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t>N-Sport i Tomelilla</w:t>
      </w:r>
      <w:r w:rsidR="007A71F3"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t>!</w:t>
      </w:r>
    </w:p>
    <w:p w14:paraId="7876931F" w14:textId="512544DB" w:rsidR="007A71F3" w:rsidRPr="007A71F3" w:rsidRDefault="007A71F3" w:rsidP="007A71F3">
      <w:pPr>
        <w:spacing w:after="240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lang w:eastAsia="sv-SE"/>
        </w:rPr>
        <w:t>Ofta har du som medlem provat dina föreningskläder i butiken eller i samband med en klubbträff - nu ges du även möjlighet att göra dina inköp när det passar dig.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hyperlink r:id="rId6" w:history="1">
        <w:r w:rsidRPr="007A71F3">
          <w:rPr>
            <w:rFonts w:ascii="Calibri" w:eastAsia="Times New Roman" w:hAnsi="Calibri" w:cs="Calibri"/>
            <w:color w:val="954F72"/>
            <w:u w:val="single"/>
            <w:lang w:eastAsia="sv-SE"/>
          </w:rPr>
          <w:t>I Klubbshopen</w:t>
        </w:r>
      </w:hyperlink>
      <w:r w:rsidRPr="007A71F3">
        <w:rPr>
          <w:rFonts w:ascii="Calibri" w:eastAsia="Times New Roman" w:hAnsi="Calibri" w:cs="Calibri"/>
          <w:color w:val="000000"/>
          <w:lang w:eastAsia="sv-SE"/>
        </w:rPr>
        <w:t> kan du välja mellan att betala med kort, faktura eller delbetalning. Betalningen reserveras på ert konto men ni betalar inte för än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  <w:t xml:space="preserve">era produkter är klara och finns att hämta ut </w:t>
      </w:r>
      <w:r w:rsidR="00622160">
        <w:rPr>
          <w:rFonts w:ascii="Calibri" w:eastAsia="Times New Roman" w:hAnsi="Calibri" w:cs="Calibri"/>
          <w:color w:val="000000"/>
          <w:lang w:eastAsia="sv-SE"/>
        </w:rPr>
        <w:t>på kansliet</w:t>
      </w:r>
      <w:r w:rsidRPr="007A71F3">
        <w:rPr>
          <w:rFonts w:ascii="Calibri" w:eastAsia="Times New Roman" w:hAnsi="Calibri" w:cs="Calibri"/>
          <w:color w:val="000000"/>
          <w:lang w:eastAsia="sv-SE"/>
        </w:rPr>
        <w:t>. Visa upp det mail ni får i kassan för att hämta ut er beställning efter den leveranstid som uppges i shopen.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b/>
          <w:bCs/>
          <w:color w:val="000000"/>
          <w:lang w:eastAsia="sv-SE"/>
        </w:rPr>
        <w:t>Så här gör du för att handla föreningskläder online:</w:t>
      </w:r>
    </w:p>
    <w:p w14:paraId="77F6FC80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Logga in i vår klubbshop, </w:t>
      </w:r>
      <w:hyperlink r:id="rId7" w:history="1">
        <w:r w:rsidRPr="007A71F3">
          <w:rPr>
            <w:rFonts w:ascii="Calibri" w:eastAsia="Times New Roman" w:hAnsi="Calibri" w:cs="Calibri"/>
            <w:color w:val="954F72"/>
            <w:sz w:val="22"/>
            <w:szCs w:val="22"/>
            <w:u w:val="single"/>
            <w:lang w:eastAsia="sv-SE"/>
          </w:rPr>
          <w:t>https://www.sportringen.se/klubbshop/</w:t>
        </w:r>
      </w:hyperlink>
    </w:p>
    <w:p w14:paraId="5941BE99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Gå till </w:t>
      </w:r>
      <w:hyperlink r:id="rId8" w:history="1">
        <w:r w:rsidRPr="007A71F3">
          <w:rPr>
            <w:rFonts w:ascii="Calibri" w:eastAsia="Times New Roman" w:hAnsi="Calibri" w:cs="Calibri"/>
            <w:color w:val="954F72"/>
            <w:sz w:val="22"/>
            <w:szCs w:val="22"/>
            <w:u w:val="single"/>
            <w:lang w:eastAsia="sv-SE"/>
          </w:rPr>
          <w:t>Skapa konto</w:t>
        </w:r>
      </w:hyperlink>
    </w:p>
    <w:p w14:paraId="4A39D66A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a uppgifter (hitta på ett användarnamn)</w:t>
      </w:r>
    </w:p>
    <w:p w14:paraId="27E36A64" w14:textId="7D8436BC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 Butikskod: </w:t>
      </w:r>
      <w:r w:rsidR="00624D49">
        <w:rPr>
          <w:rFonts w:ascii="Calibri" w:eastAsia="Times New Roman" w:hAnsi="Calibri" w:cs="Calibri"/>
          <w:b/>
          <w:bCs/>
          <w:color w:val="FF0000"/>
          <w:sz w:val="22"/>
          <w:szCs w:val="22"/>
          <w:lang w:eastAsia="sv-SE"/>
        </w:rPr>
        <w:t>1</w:t>
      </w:r>
      <w:r w:rsidR="005A6C73">
        <w:rPr>
          <w:rFonts w:ascii="Calibri" w:eastAsia="Times New Roman" w:hAnsi="Calibri" w:cs="Calibri"/>
          <w:b/>
          <w:bCs/>
          <w:color w:val="FF0000"/>
          <w:sz w:val="22"/>
          <w:szCs w:val="22"/>
          <w:lang w:eastAsia="sv-SE"/>
        </w:rPr>
        <w:t>ZAWS6EE</w:t>
      </w:r>
    </w:p>
    <w:p w14:paraId="5A75358D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Klicka på Registrera</w:t>
      </w:r>
    </w:p>
    <w:p w14:paraId="5D94370A" w14:textId="22ACD4F0" w:rsidR="007A71F3" w:rsidRPr="007A71F3" w:rsidRDefault="007A71F3" w:rsidP="007A71F3">
      <w:pPr>
        <w:numPr>
          <w:ilvl w:val="0"/>
          <w:numId w:val="1"/>
        </w:numPr>
        <w:spacing w:after="160"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 föreningskod: </w:t>
      </w:r>
      <w:r w:rsidR="00AB732F">
        <w:rPr>
          <w:rFonts w:ascii="Calibri" w:eastAsia="Times New Roman" w:hAnsi="Calibri" w:cs="Calibri"/>
          <w:b/>
          <w:bCs/>
          <w:color w:val="FF0000"/>
          <w:sz w:val="22"/>
          <w:szCs w:val="22"/>
          <w:lang w:eastAsia="sv-SE"/>
        </w:rPr>
        <w:t>ETXZ6</w:t>
      </w:r>
    </w:p>
    <w:p w14:paraId="1A106C27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FF0000"/>
          <w:lang w:val="en-GB" w:eastAsia="sv-SE"/>
        </w:rPr>
        <w:t> </w:t>
      </w:r>
    </w:p>
    <w:p w14:paraId="0311CEC4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lang w:eastAsia="sv-SE"/>
        </w:rPr>
        <w:t>Sedan är det bara att klicka på föreningsloggan och börja handla!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i/>
          <w:iCs/>
          <w:color w:val="000000"/>
          <w:sz w:val="18"/>
          <w:szCs w:val="18"/>
          <w:lang w:eastAsia="sv-SE"/>
        </w:rPr>
        <w:t>Du behöver ha fyllt 18 år för att få handla.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  <w:t>Tips! Är du medlem hos fler föreningar kan du fylla i deras föreningskod längst ner så läggs den Klubbshopen till på din sida.</w:t>
      </w:r>
      <w:bookmarkStart w:id="1" w:name="_heading=h.1jfj87t2ybcr"/>
      <w:bookmarkEnd w:id="1"/>
    </w:p>
    <w:p w14:paraId="5D35EA53" w14:textId="77777777" w:rsidR="007A71F3" w:rsidRPr="007A71F3" w:rsidRDefault="007A71F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333333"/>
          <w:sz w:val="21"/>
          <w:szCs w:val="21"/>
          <w:lang w:eastAsia="sv-SE"/>
        </w:rPr>
        <w:t> </w:t>
      </w:r>
    </w:p>
    <w:p w14:paraId="786B6A09" w14:textId="77777777" w:rsidR="007A71F3" w:rsidRPr="007A71F3" w:rsidRDefault="007A71F3" w:rsidP="007A71F3">
      <w:pPr>
        <w:shd w:val="clear" w:color="auto" w:fill="FFFFFF"/>
        <w:spacing w:after="240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333333"/>
          <w:sz w:val="21"/>
          <w:szCs w:val="21"/>
          <w:lang w:eastAsia="sv-SE"/>
        </w:rPr>
        <w:t>Har du frågor angående din Föreningsshop:</w:t>
      </w:r>
    </w:p>
    <w:p w14:paraId="4BCFE417" w14:textId="075E6BDE" w:rsidR="007A71F3" w:rsidRPr="007A71F3" w:rsidRDefault="005A6C7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N-Sport i Tomelilla</w:t>
      </w:r>
    </w:p>
    <w:p w14:paraId="016E13E9" w14:textId="7FCFF69E" w:rsidR="007A71F3" w:rsidRPr="007A71F3" w:rsidRDefault="005A6C7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Roger Ekholm</w:t>
      </w:r>
    </w:p>
    <w:p w14:paraId="76FE850B" w14:textId="1E946C5F" w:rsidR="007A71F3" w:rsidRPr="007A71F3" w:rsidRDefault="007A71F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proofErr w:type="gramStart"/>
      <w:r w:rsidRPr="007A71F3"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07</w:t>
      </w:r>
      <w:r w:rsidR="005A6C73"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33-904068</w:t>
      </w:r>
      <w:proofErr w:type="gramEnd"/>
    </w:p>
    <w:p w14:paraId="2ACD96F0" w14:textId="5211BA85" w:rsidR="000A1E61" w:rsidRDefault="005A6C73">
      <w:r>
        <w:t>roger@nsport.se</w:t>
      </w:r>
    </w:p>
    <w:sectPr w:rsidR="000A1E61" w:rsidSect="00D12F58">
      <w:pgSz w:w="11900" w:h="16840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553E7591"/>
    <w:multiLevelType w:val="multilevel"/>
    <w:tmpl w:val="F966884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A71F3"/>
    <w:rsid w:val="005179AE"/>
    <w:rsid w:val="005735B8"/>
    <w:rsid w:val="005A6C73"/>
    <w:rsid w:val="005D4EAB"/>
    <w:rsid w:val="00622160"/>
    <w:rsid w:val="00624D49"/>
    <w:rsid w:val="00654005"/>
    <w:rsid w:val="00691D9C"/>
    <w:rsid w:val="007A71F3"/>
    <w:rsid w:val="00A41F01"/>
    <w:rsid w:val="00AB732F"/>
    <w:rsid w:val="00D12F58"/>
    <w:rsid w:val="00E7380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C3FDE4F"/>
  <w15:chartTrackingRefBased/>
  <w15:docId w15:val="{DBE9990F-9FA4-1946-B300-01DC3DA641D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sv-SE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character" w:customStyle="1" w:styleId="apple-converted-space">
    <w:name w:val="apple-converted-space"/>
    <w:basedOn w:val="Standardstycketeckensnitt"/>
    <w:rsid w:val="007A71F3"/>
  </w:style>
  <w:style w:type="character" w:styleId="Hyperlnk">
    <w:name w:val="Hyperlink"/>
    <w:basedOn w:val="Standardstycketeckensnitt"/>
    <w:uiPriority w:val="99"/>
    <w:unhideWhenUsed/>
    <w:rsid w:val="007A71F3"/>
    <w:rPr>
      <w:color w:val="0000FF"/>
      <w:u w:val="single"/>
    </w:rPr>
  </w:style>
  <w:style w:type="paragraph" w:styleId="Liststycke">
    <w:name w:val="List Paragraph"/>
    <w:basedOn w:val="Normal"/>
    <w:uiPriority w:val="34"/>
    <w:qFormat/>
    <w:rsid w:val="007A71F3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sv-SE"/>
    </w:rPr>
  </w:style>
  <w:style w:type="character" w:styleId="Olstomnmnande">
    <w:name w:val="Unresolved Mention"/>
    <w:basedOn w:val="Standardstycketeckensnitt"/>
    <w:uiPriority w:val="99"/>
    <w:rsid w:val="007A71F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3953209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klubbportalen.se/skapa-konto/" TargetMode="External"/><Relationship Id="rId3" Type="http://schemas.openxmlformats.org/officeDocument/2006/relationships/settings" Target="settings.xml"/><Relationship Id="rId7" Type="http://schemas.openxmlformats.org/officeDocument/2006/relationships/hyperlink" Target="https://www.sportringen.se/klubbshop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www.sportringen.se/klubbshop/" TargetMode="External"/><Relationship Id="rId5" Type="http://schemas.openxmlformats.org/officeDocument/2006/relationships/image" Target="media/image1.jpe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45</Words>
  <Characters>1300</Characters>
  <Application>Microsoft Office Word</Application>
  <DocSecurity>0</DocSecurity>
  <Lines>10</Lines>
  <Paragraphs>3</Paragraphs>
  <ScaleCrop>false</ScaleCrop>
  <HeadingPairs>
    <vt:vector size="2" baseType="variant">
      <vt:variant>
        <vt:lpstr>Rubrik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ttias Malm</dc:creator>
  <cp:keywords/>
  <dc:description/>
  <cp:lastModifiedBy>Sjöbo IF</cp:lastModifiedBy>
  <cp:revision>2</cp:revision>
  <dcterms:created xsi:type="dcterms:W3CDTF">2021-10-05T10:56:00Z</dcterms:created>
  <dcterms:modified xsi:type="dcterms:W3CDTF">2021-10-05T10:56:00Z</dcterms:modified>
</cp:coreProperties>
</file>